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1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AC8BECE9-D1F8-44B6-9CE7-A40855B10B6D}" xr6:coauthVersionLast="45" xr6:coauthVersionMax="45" xr10:uidLastSave="{00000000-0000-0000-0000-000000000000}"/>
  <bookViews>
    <workbookView xWindow="-120" yWindow="-120" windowWidth="29040" windowHeight="15840" xr2:uid="{D0D0D6ED-4ED6-4B82-8603-0EFC2A46289A}"/>
  </bookViews>
  <sheets>
    <sheet name="Final Standings" sheetId="1" r:id="rId1"/>
    <sheet name="SOS Calculations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W41" i="2" l="1"/>
  <c r="V41" i="2"/>
  <c r="S41" i="2"/>
  <c r="R41" i="2"/>
  <c r="O41" i="2"/>
  <c r="N41" i="2"/>
  <c r="K41" i="2"/>
  <c r="J41" i="2"/>
  <c r="G41" i="2"/>
  <c r="F41" i="2"/>
  <c r="C41" i="2"/>
  <c r="B41" i="2"/>
  <c r="K20" i="2"/>
  <c r="J20" i="2"/>
  <c r="G20" i="2"/>
  <c r="F20" i="2"/>
  <c r="C20" i="2"/>
  <c r="B20" i="2"/>
</calcChain>
</file>

<file path=xl/sharedStrings.xml><?xml version="1.0" encoding="utf-8"?>
<sst xmlns="http://schemas.openxmlformats.org/spreadsheetml/2006/main" count="428" uniqueCount="136">
  <si>
    <t>DAL</t>
  </si>
  <si>
    <t>IND</t>
  </si>
  <si>
    <t>JAX</t>
  </si>
  <si>
    <t>OAK</t>
  </si>
  <si>
    <t>PIT</t>
  </si>
  <si>
    <t>ATL</t>
  </si>
  <si>
    <t>BAL</t>
  </si>
  <si>
    <t>MIN</t>
  </si>
  <si>
    <t>Playoff Seeding:</t>
  </si>
  <si>
    <t>BUF</t>
  </si>
  <si>
    <t>GB</t>
  </si>
  <si>
    <t>NYG</t>
  </si>
  <si>
    <t>CHI</t>
  </si>
  <si>
    <t>DET</t>
  </si>
  <si>
    <t>KC</t>
  </si>
  <si>
    <t>NE</t>
  </si>
  <si>
    <t>TEN</t>
  </si>
  <si>
    <t>Round 3 - Semi-Final Results:</t>
  </si>
  <si>
    <t>Round 2 - Quarter Final Results:</t>
  </si>
  <si>
    <t>Round 1 - Wildcard Results:</t>
  </si>
  <si>
    <t>AFC:</t>
  </si>
  <si>
    <t>2. LA Rams 12-4</t>
  </si>
  <si>
    <t>NFC:</t>
  </si>
  <si>
    <t>Team</t>
  </si>
  <si>
    <t>Record</t>
  </si>
  <si>
    <t>Head to head</t>
  </si>
  <si>
    <t>Opponent SOS</t>
  </si>
  <si>
    <t xml:space="preserve">1. </t>
  </si>
  <si>
    <t xml:space="preserve"> </t>
  </si>
  <si>
    <t xml:space="preserve">2. </t>
  </si>
  <si>
    <t>3-13</t>
  </si>
  <si>
    <t xml:space="preserve">3. </t>
  </si>
  <si>
    <t>NO</t>
  </si>
  <si>
    <t xml:space="preserve">4. </t>
  </si>
  <si>
    <t>4-12</t>
  </si>
  <si>
    <t>5.</t>
  </si>
  <si>
    <t xml:space="preserve">6. </t>
  </si>
  <si>
    <t>6-10</t>
  </si>
  <si>
    <t>136 wins</t>
  </si>
  <si>
    <t xml:space="preserve">7. </t>
  </si>
  <si>
    <t>LAC</t>
  </si>
  <si>
    <t>127 wins</t>
  </si>
  <si>
    <t xml:space="preserve">8. </t>
  </si>
  <si>
    <t>HOU</t>
  </si>
  <si>
    <t xml:space="preserve">9. </t>
  </si>
  <si>
    <t>7-9</t>
  </si>
  <si>
    <t>10.</t>
  </si>
  <si>
    <t>PHI</t>
  </si>
  <si>
    <t>11.</t>
  </si>
  <si>
    <t>12.</t>
  </si>
  <si>
    <t>8-8</t>
  </si>
  <si>
    <t>13.</t>
  </si>
  <si>
    <t>14.</t>
  </si>
  <si>
    <t>15.</t>
  </si>
  <si>
    <t>126 wins</t>
  </si>
  <si>
    <t>16.</t>
  </si>
  <si>
    <t>17.</t>
  </si>
  <si>
    <t>--------------------------------Playoff Teams Below</t>
  </si>
  <si>
    <t>18.</t>
  </si>
  <si>
    <t>CLE</t>
  </si>
  <si>
    <t>19.</t>
  </si>
  <si>
    <t>DEN</t>
  </si>
  <si>
    <t>9-6-1</t>
  </si>
  <si>
    <t>20.</t>
  </si>
  <si>
    <t>10-6</t>
  </si>
  <si>
    <t>21.</t>
  </si>
  <si>
    <t>NYJ</t>
  </si>
  <si>
    <t>-------------------------------Round 2 below</t>
  </si>
  <si>
    <t>22.</t>
  </si>
  <si>
    <t>23.</t>
  </si>
  <si>
    <t>12-4</t>
  </si>
  <si>
    <t>24.</t>
  </si>
  <si>
    <t>LAR</t>
  </si>
  <si>
    <t>25.</t>
  </si>
  <si>
    <t>CIN</t>
  </si>
  <si>
    <t>------------------------------Round 3 below</t>
  </si>
  <si>
    <t>26.</t>
  </si>
  <si>
    <t>SEA</t>
  </si>
  <si>
    <t>14-2</t>
  </si>
  <si>
    <t>27.</t>
  </si>
  <si>
    <t>11-5</t>
  </si>
  <si>
    <t>----------------------------Round 4 below</t>
  </si>
  <si>
    <t>28.</t>
  </si>
  <si>
    <t>13-3</t>
  </si>
  <si>
    <t>TB</t>
  </si>
  <si>
    <t>Rookie Draft Generic Even Round:</t>
  </si>
  <si>
    <t>Rookie Draft Generic Odd Round</t>
  </si>
  <si>
    <t>1. Tennessee 14-2</t>
  </si>
  <si>
    <t>3. Seattle 12-4</t>
  </si>
  <si>
    <t>5. Arizona 10-6</t>
  </si>
  <si>
    <t>6. Minnesota 9-6-1</t>
  </si>
  <si>
    <t>7. Houston 8-7-1</t>
  </si>
  <si>
    <t>1. N.Y. Jets 14-2</t>
  </si>
  <si>
    <t>2. Baltimore 13-3</t>
  </si>
  <si>
    <t>3. Pittsburgh 13-3</t>
  </si>
  <si>
    <t>4. New York Giants 12-4</t>
  </si>
  <si>
    <t>5. Kansas City 11-5</t>
  </si>
  <si>
    <r>
      <t>#2 Los Angeles Rams 30</t>
    </r>
    <r>
      <rPr>
        <sz val="12"/>
        <color rgb="FF222222"/>
        <rFont val="Arial"/>
        <family val="2"/>
      </rPr>
      <t xml:space="preserve"> - #7 Houston Texans 6</t>
    </r>
  </si>
  <si>
    <r>
      <t xml:space="preserve">#3 Seattle Seahawks 20 </t>
    </r>
    <r>
      <rPr>
        <sz val="12"/>
        <color rgb="FF222222"/>
        <rFont val="Arial"/>
        <family val="2"/>
      </rPr>
      <t>- #6 Minnesota 17</t>
    </r>
  </si>
  <si>
    <r>
      <t xml:space="preserve">#4 New England 13 </t>
    </r>
    <r>
      <rPr>
        <sz val="12"/>
        <color rgb="FF222222"/>
        <rFont val="Arial"/>
        <family val="2"/>
      </rPr>
      <t>- #5 Arizona 3</t>
    </r>
  </si>
  <si>
    <r>
      <t xml:space="preserve">#4 New York Giants 36 </t>
    </r>
    <r>
      <rPr>
        <sz val="12"/>
        <color rgb="FF222222"/>
        <rFont val="Arial"/>
        <family val="2"/>
      </rPr>
      <t>- #5 Kansas City 33</t>
    </r>
  </si>
  <si>
    <r>
      <t>#3 Pittsburgh Steelers 14</t>
    </r>
    <r>
      <rPr>
        <sz val="12"/>
        <color rgb="FF222222"/>
        <rFont val="Arial"/>
        <family val="2"/>
      </rPr>
      <t xml:space="preserve"> - #2 Baltimore Ravens 3</t>
    </r>
  </si>
  <si>
    <t xml:space="preserve">4. New England 12-4 </t>
  </si>
  <si>
    <r>
      <t xml:space="preserve">#1 Tennessee Titans 34 </t>
    </r>
    <r>
      <rPr>
        <sz val="12"/>
        <color rgb="FF222222"/>
        <rFont val="Arial"/>
        <family val="2"/>
      </rPr>
      <t>- #4 New England Patriots 17</t>
    </r>
    <r>
      <rPr>
        <b/>
        <sz val="12"/>
        <color rgb="FF222222"/>
        <rFont val="Arial"/>
        <family val="2"/>
      </rPr>
      <t xml:space="preserve"> </t>
    </r>
  </si>
  <si>
    <r>
      <t xml:space="preserve">#2 Los Angeles Rams 29 </t>
    </r>
    <r>
      <rPr>
        <sz val="12"/>
        <color rgb="FF222222"/>
        <rFont val="Arial"/>
        <family val="2"/>
      </rPr>
      <t>- #3 Seattle Seahawks 17</t>
    </r>
  </si>
  <si>
    <r>
      <t xml:space="preserve">#4 New York GIants 34 </t>
    </r>
    <r>
      <rPr>
        <sz val="12"/>
        <color rgb="FF222222"/>
        <rFont val="Arial"/>
        <family val="2"/>
      </rPr>
      <t>- #1 New York Jets 20</t>
    </r>
  </si>
  <si>
    <r>
      <t xml:space="preserve">#2 Los Angeles Rams 16 </t>
    </r>
    <r>
      <rPr>
        <sz val="12"/>
        <color rgb="FF222222"/>
        <rFont val="Arial"/>
        <family val="2"/>
      </rPr>
      <t>- #1 Tennessee Titans 15</t>
    </r>
  </si>
  <si>
    <r>
      <t xml:space="preserve">#3 Pittsburgh Steelers 20 </t>
    </r>
    <r>
      <rPr>
        <sz val="12"/>
        <color rgb="FF222222"/>
        <rFont val="Arial"/>
        <family val="2"/>
      </rPr>
      <t>- #4 New York Giants 14</t>
    </r>
  </si>
  <si>
    <r>
      <rPr>
        <b/>
        <sz val="12"/>
        <color rgb="FF222222"/>
        <rFont val="Arial"/>
        <family val="2"/>
      </rPr>
      <t>#2 Los Angeles Rams 31</t>
    </r>
    <r>
      <rPr>
        <sz val="12"/>
        <color rgb="FF222222"/>
        <rFont val="Arial"/>
        <family val="2"/>
      </rPr>
      <t xml:space="preserve"> - Pittsburgh Steelers 17</t>
    </r>
  </si>
  <si>
    <t>Congratulations to the Los Angeles Rams (Nathan)</t>
  </si>
  <si>
    <t>S28 Bowl IV:</t>
  </si>
  <si>
    <t>2-14</t>
  </si>
  <si>
    <t>W</t>
  </si>
  <si>
    <t>L</t>
  </si>
  <si>
    <t>IND (4-12)</t>
  </si>
  <si>
    <t>AZ</t>
  </si>
  <si>
    <t>DET (4-12)</t>
  </si>
  <si>
    <t>DAL (4-12)</t>
  </si>
  <si>
    <t>147 wins</t>
  </si>
  <si>
    <t>141 wins</t>
  </si>
  <si>
    <t>129 wins</t>
  </si>
  <si>
    <t>5-11</t>
  </si>
  <si>
    <t>TB (5-11)</t>
  </si>
  <si>
    <t>LAC (5-11)</t>
  </si>
  <si>
    <t>JAX (5-11)</t>
  </si>
  <si>
    <t>GB (5-11)</t>
  </si>
  <si>
    <t>BUF (5-11)</t>
  </si>
  <si>
    <t>146 wins</t>
  </si>
  <si>
    <t>120 wins</t>
  </si>
  <si>
    <t>117 wins</t>
  </si>
  <si>
    <t>(Beat CHI H2H, we reward the team that won H2H with higher pick)</t>
  </si>
  <si>
    <t xml:space="preserve">CHI </t>
  </si>
  <si>
    <t>(Beat DEN H2H)</t>
  </si>
  <si>
    <t>8-7-1</t>
  </si>
  <si>
    <t>ATL (5-11)</t>
  </si>
  <si>
    <t>(SEA beat NE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Calibri"/>
      <family val="2"/>
      <scheme val="minor"/>
    </font>
    <font>
      <sz val="12"/>
      <color rgb="FF222222"/>
      <name val="Arial"/>
      <family val="2"/>
    </font>
    <font>
      <b/>
      <sz val="12"/>
      <color rgb="FF222222"/>
      <name val="Arial"/>
      <family val="2"/>
    </font>
    <font>
      <b/>
      <sz val="24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1"/>
      <color theme="1"/>
      <name val="Calibri"/>
      <family val="2"/>
      <scheme val="minor"/>
    </font>
    <font>
      <u/>
      <sz val="10"/>
      <color indexed="12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8">
    <xf numFmtId="0" fontId="0" fillId="0" borderId="0"/>
    <xf numFmtId="0" fontId="4" fillId="0" borderId="0"/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7" fillId="0" borderId="0" applyNumberFormat="0" applyFill="0" applyBorder="0" applyAlignment="0" applyProtection="0">
      <alignment vertical="top"/>
      <protection locked="0"/>
    </xf>
    <xf numFmtId="0" fontId="6" fillId="0" borderId="0"/>
    <xf numFmtId="0" fontId="4" fillId="0" borderId="0"/>
  </cellStyleXfs>
  <cellXfs count="13">
    <xf numFmtId="0" fontId="0" fillId="0" borderId="0" xfId="0"/>
    <xf numFmtId="0" fontId="0" fillId="0" borderId="0" xfId="0" applyAlignment="1">
      <alignment vertical="center" wrapText="1"/>
    </xf>
    <xf numFmtId="0" fontId="1" fillId="0" borderId="0" xfId="0" applyFont="1" applyAlignment="1">
      <alignment vertical="center" wrapText="1"/>
    </xf>
    <xf numFmtId="0" fontId="2" fillId="0" borderId="0" xfId="0" applyFont="1" applyAlignment="1">
      <alignment vertical="center" wrapText="1"/>
    </xf>
    <xf numFmtId="0" fontId="0" fillId="0" borderId="0" xfId="0" applyAlignment="1">
      <alignment vertical="center"/>
    </xf>
    <xf numFmtId="49" fontId="0" fillId="0" borderId="0" xfId="0" applyNumberFormat="1"/>
    <xf numFmtId="49" fontId="0" fillId="0" borderId="0" xfId="0" applyNumberFormat="1" applyAlignment="1">
      <alignment vertical="center"/>
    </xf>
    <xf numFmtId="49" fontId="4" fillId="0" borderId="0" xfId="0" applyNumberFormat="1" applyFont="1"/>
    <xf numFmtId="49" fontId="5" fillId="0" borderId="0" xfId="0" applyNumberFormat="1" applyFont="1"/>
    <xf numFmtId="0" fontId="3" fillId="0" borderId="0" xfId="0" applyFont="1" applyAlignment="1">
      <alignment horizontal="left"/>
    </xf>
    <xf numFmtId="0" fontId="4" fillId="0" borderId="0" xfId="1"/>
    <xf numFmtId="0" fontId="4" fillId="0" borderId="0" xfId="1" applyFont="1"/>
    <xf numFmtId="49" fontId="0" fillId="0" borderId="0" xfId="0" applyNumberFormat="1" applyAlignment="1">
      <alignment horizontal="right"/>
    </xf>
  </cellXfs>
  <cellStyles count="8">
    <cellStyle name="Hyperlink 2" xfId="2" xr:uid="{0BEE6070-C57A-42A1-8053-50E12F812CB4}"/>
    <cellStyle name="Hyperlink 2 2" xfId="3" xr:uid="{58ACAD8A-58C8-494E-A29F-F02C509620B3}"/>
    <cellStyle name="Hyperlink 2 2 2" xfId="4" xr:uid="{4559BF09-646D-43A8-B004-519C4AE488A3}"/>
    <cellStyle name="Hyperlink 2 2 2 2" xfId="5" xr:uid="{E2E3DF55-A654-4DE1-8B47-DBB37AB9ED93}"/>
    <cellStyle name="Normal" xfId="0" builtinId="0"/>
    <cellStyle name="Normal 2" xfId="6" xr:uid="{CCC8FE98-B9B9-400F-A410-47E6A38DE40F}"/>
    <cellStyle name="Normal 3" xfId="7" xr:uid="{84A9A020-5416-4DD9-886D-83D2F6D1D92D}"/>
    <cellStyle name="Normal 4" xfId="1" xr:uid="{9DAC0CA5-E4E7-451D-98E4-42AFF34EC4D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BB41E0-BCE0-4536-8B5B-5CD52DD97EB6}">
  <dimension ref="A1:P100"/>
  <sheetViews>
    <sheetView tabSelected="1" zoomScaleNormal="100" workbookViewId="0">
      <selection activeCell="A21" sqref="A21"/>
    </sheetView>
  </sheetViews>
  <sheetFormatPr defaultRowHeight="15" x14ac:dyDescent="0.25"/>
  <cols>
    <col min="1" max="1" width="58" bestFit="1" customWidth="1"/>
    <col min="2" max="2" width="14.7109375" customWidth="1"/>
    <col min="4" max="4" width="12.85546875" bestFit="1" customWidth="1"/>
    <col min="14" max="14" width="12.5703125" customWidth="1"/>
  </cols>
  <sheetData>
    <row r="1" spans="1:16" ht="31.5" x14ac:dyDescent="0.5">
      <c r="A1" s="9" t="s">
        <v>109</v>
      </c>
      <c r="B1" s="9"/>
      <c r="C1" s="9"/>
      <c r="D1" s="9"/>
      <c r="E1" s="9"/>
      <c r="F1" s="9"/>
      <c r="G1" s="9"/>
      <c r="H1" s="9"/>
      <c r="I1" s="9"/>
      <c r="J1" s="9"/>
      <c r="K1" s="9"/>
      <c r="L1" s="9"/>
      <c r="M1" s="9"/>
      <c r="N1" s="9"/>
      <c r="O1" s="9"/>
      <c r="P1" s="9"/>
    </row>
    <row r="3" spans="1:16" ht="15.75" customHeight="1" x14ac:dyDescent="0.25">
      <c r="A3" s="2" t="s">
        <v>110</v>
      </c>
    </row>
    <row r="4" spans="1:16" ht="15.75" customHeight="1" x14ac:dyDescent="0.25">
      <c r="A4" s="2" t="s">
        <v>108</v>
      </c>
    </row>
    <row r="5" spans="1:16" ht="15.75" customHeight="1" x14ac:dyDescent="0.25">
      <c r="A5" s="1"/>
    </row>
    <row r="6" spans="1:16" ht="15.75" customHeight="1" x14ac:dyDescent="0.25">
      <c r="A6" s="2" t="s">
        <v>17</v>
      </c>
    </row>
    <row r="7" spans="1:16" ht="15.75" customHeight="1" x14ac:dyDescent="0.25">
      <c r="A7" s="3" t="s">
        <v>106</v>
      </c>
    </row>
    <row r="8" spans="1:16" ht="15.75" customHeight="1" x14ac:dyDescent="0.25">
      <c r="A8" s="3" t="s">
        <v>107</v>
      </c>
    </row>
    <row r="9" spans="1:16" ht="15.75" customHeight="1" x14ac:dyDescent="0.25">
      <c r="A9" s="3"/>
    </row>
    <row r="10" spans="1:16" ht="15.75" customHeight="1" x14ac:dyDescent="0.25">
      <c r="A10" s="2" t="s">
        <v>18</v>
      </c>
    </row>
    <row r="11" spans="1:16" ht="15.75" customHeight="1" x14ac:dyDescent="0.25">
      <c r="A11" s="3" t="s">
        <v>101</v>
      </c>
    </row>
    <row r="12" spans="1:16" ht="15.75" customHeight="1" x14ac:dyDescent="0.25">
      <c r="A12" s="3" t="s">
        <v>103</v>
      </c>
    </row>
    <row r="13" spans="1:16" ht="15.75" customHeight="1" x14ac:dyDescent="0.25">
      <c r="A13" s="3" t="s">
        <v>104</v>
      </c>
    </row>
    <row r="14" spans="1:16" ht="15.75" customHeight="1" x14ac:dyDescent="0.25">
      <c r="A14" s="3" t="s">
        <v>105</v>
      </c>
    </row>
    <row r="15" spans="1:16" ht="15.75" customHeight="1" x14ac:dyDescent="0.25">
      <c r="A15" s="3"/>
    </row>
    <row r="16" spans="1:16" ht="15.75" customHeight="1" x14ac:dyDescent="0.25">
      <c r="A16" s="2" t="s">
        <v>19</v>
      </c>
    </row>
    <row r="17" spans="1:1" ht="15.75" customHeight="1" x14ac:dyDescent="0.25">
      <c r="A17" s="3" t="s">
        <v>97</v>
      </c>
    </row>
    <row r="18" spans="1:1" ht="15.75" customHeight="1" x14ac:dyDescent="0.25">
      <c r="A18" s="3" t="s">
        <v>98</v>
      </c>
    </row>
    <row r="19" spans="1:1" ht="15.75" customHeight="1" x14ac:dyDescent="0.25">
      <c r="A19" s="3" t="s">
        <v>99</v>
      </c>
    </row>
    <row r="20" spans="1:1" ht="15.75" customHeight="1" x14ac:dyDescent="0.25">
      <c r="A20" s="3" t="s">
        <v>100</v>
      </c>
    </row>
    <row r="21" spans="1:1" ht="15.75" customHeight="1" x14ac:dyDescent="0.25">
      <c r="A21" s="3"/>
    </row>
    <row r="22" spans="1:1" ht="15.75" x14ac:dyDescent="0.25">
      <c r="A22" s="3"/>
    </row>
    <row r="23" spans="1:1" x14ac:dyDescent="0.25">
      <c r="A23" t="s">
        <v>8</v>
      </c>
    </row>
    <row r="24" spans="1:1" x14ac:dyDescent="0.25">
      <c r="A24" t="s">
        <v>20</v>
      </c>
    </row>
    <row r="25" spans="1:1" x14ac:dyDescent="0.25">
      <c r="A25" t="s">
        <v>87</v>
      </c>
    </row>
    <row r="26" spans="1:1" x14ac:dyDescent="0.25">
      <c r="A26" t="s">
        <v>21</v>
      </c>
    </row>
    <row r="27" spans="1:1" x14ac:dyDescent="0.25">
      <c r="A27" t="s">
        <v>88</v>
      </c>
    </row>
    <row r="28" spans="1:1" x14ac:dyDescent="0.25">
      <c r="A28" t="s">
        <v>102</v>
      </c>
    </row>
    <row r="29" spans="1:1" x14ac:dyDescent="0.25">
      <c r="A29" t="s">
        <v>89</v>
      </c>
    </row>
    <row r="30" spans="1:1" x14ac:dyDescent="0.25">
      <c r="A30" t="s">
        <v>90</v>
      </c>
    </row>
    <row r="31" spans="1:1" x14ac:dyDescent="0.25">
      <c r="A31" t="s">
        <v>91</v>
      </c>
    </row>
    <row r="33" spans="1:8" x14ac:dyDescent="0.25">
      <c r="A33" t="s">
        <v>22</v>
      </c>
    </row>
    <row r="34" spans="1:8" x14ac:dyDescent="0.25">
      <c r="A34" t="s">
        <v>92</v>
      </c>
    </row>
    <row r="35" spans="1:8" x14ac:dyDescent="0.25">
      <c r="A35" t="s">
        <v>93</v>
      </c>
    </row>
    <row r="36" spans="1:8" x14ac:dyDescent="0.25">
      <c r="A36" t="s">
        <v>94</v>
      </c>
    </row>
    <row r="37" spans="1:8" x14ac:dyDescent="0.25">
      <c r="A37" t="s">
        <v>95</v>
      </c>
    </row>
    <row r="38" spans="1:8" x14ac:dyDescent="0.25">
      <c r="A38" t="s">
        <v>96</v>
      </c>
    </row>
    <row r="40" spans="1:8" x14ac:dyDescent="0.25">
      <c r="A40" t="s">
        <v>86</v>
      </c>
      <c r="E40" s="4"/>
    </row>
    <row r="41" spans="1:8" x14ac:dyDescent="0.25">
      <c r="A41" s="5"/>
      <c r="B41" s="5" t="s">
        <v>23</v>
      </c>
      <c r="C41" s="5" t="s">
        <v>24</v>
      </c>
      <c r="D41" s="5" t="s">
        <v>25</v>
      </c>
      <c r="E41" s="6" t="s">
        <v>26</v>
      </c>
      <c r="F41" s="5"/>
      <c r="G41" s="5"/>
      <c r="H41" s="5"/>
    </row>
    <row r="42" spans="1:8" x14ac:dyDescent="0.25">
      <c r="A42" s="12" t="s">
        <v>27</v>
      </c>
      <c r="B42" s="5" t="s">
        <v>3</v>
      </c>
      <c r="C42" s="5" t="s">
        <v>111</v>
      </c>
      <c r="D42" s="5" t="s">
        <v>28</v>
      </c>
      <c r="E42" s="6" t="s">
        <v>28</v>
      </c>
      <c r="F42" s="5"/>
      <c r="G42" s="5"/>
      <c r="H42" s="5"/>
    </row>
    <row r="43" spans="1:8" x14ac:dyDescent="0.25">
      <c r="A43" s="12" t="s">
        <v>29</v>
      </c>
      <c r="B43" s="5" t="s">
        <v>32</v>
      </c>
      <c r="C43" s="5" t="s">
        <v>30</v>
      </c>
      <c r="D43" s="5" t="s">
        <v>28</v>
      </c>
      <c r="E43" s="6" t="s">
        <v>28</v>
      </c>
      <c r="F43" s="5"/>
      <c r="G43" s="5"/>
      <c r="H43" s="5"/>
    </row>
    <row r="44" spans="1:8" x14ac:dyDescent="0.25">
      <c r="A44" s="12" t="s">
        <v>31</v>
      </c>
      <c r="B44" s="5" t="s">
        <v>0</v>
      </c>
      <c r="C44" s="5" t="s">
        <v>34</v>
      </c>
      <c r="D44" s="7"/>
      <c r="E44" s="6" t="s">
        <v>118</v>
      </c>
      <c r="F44" s="5"/>
      <c r="G44" s="8"/>
      <c r="H44" s="5"/>
    </row>
    <row r="45" spans="1:8" x14ac:dyDescent="0.25">
      <c r="A45" s="12" t="s">
        <v>33</v>
      </c>
      <c r="B45" s="7" t="s">
        <v>13</v>
      </c>
      <c r="C45" s="5" t="s">
        <v>34</v>
      </c>
      <c r="D45" s="5"/>
      <c r="E45" s="6" t="s">
        <v>119</v>
      </c>
      <c r="F45" s="5"/>
      <c r="G45" s="8"/>
      <c r="H45" s="5"/>
    </row>
    <row r="46" spans="1:8" x14ac:dyDescent="0.25">
      <c r="A46" s="12" t="s">
        <v>35</v>
      </c>
      <c r="B46" s="5" t="s">
        <v>1</v>
      </c>
      <c r="C46" s="5" t="s">
        <v>34</v>
      </c>
      <c r="D46" s="5"/>
      <c r="E46" s="6" t="s">
        <v>120</v>
      </c>
      <c r="F46" s="5"/>
      <c r="G46" s="5"/>
      <c r="H46" s="5"/>
    </row>
    <row r="47" spans="1:8" x14ac:dyDescent="0.25">
      <c r="A47" s="12" t="s">
        <v>36</v>
      </c>
      <c r="B47" s="5" t="s">
        <v>40</v>
      </c>
      <c r="C47" s="5" t="s">
        <v>121</v>
      </c>
      <c r="D47" s="5" t="s">
        <v>28</v>
      </c>
      <c r="E47" s="6" t="s">
        <v>127</v>
      </c>
      <c r="F47" s="5"/>
      <c r="G47" s="5"/>
      <c r="H47" s="5"/>
    </row>
    <row r="48" spans="1:8" x14ac:dyDescent="0.25">
      <c r="A48" s="12" t="s">
        <v>39</v>
      </c>
      <c r="B48" s="5" t="s">
        <v>9</v>
      </c>
      <c r="C48" s="5" t="s">
        <v>121</v>
      </c>
      <c r="D48" s="5" t="s">
        <v>28</v>
      </c>
      <c r="E48" s="6" t="s">
        <v>38</v>
      </c>
      <c r="F48" s="5"/>
      <c r="G48" s="5"/>
      <c r="H48" s="5"/>
    </row>
    <row r="49" spans="1:8" x14ac:dyDescent="0.25">
      <c r="A49" s="12" t="s">
        <v>42</v>
      </c>
      <c r="B49" s="5" t="s">
        <v>5</v>
      </c>
      <c r="C49" s="5" t="s">
        <v>121</v>
      </c>
      <c r="D49" s="5" t="s">
        <v>28</v>
      </c>
      <c r="E49" s="6" t="s">
        <v>41</v>
      </c>
      <c r="F49" s="5"/>
      <c r="G49" s="5"/>
      <c r="H49" s="5"/>
    </row>
    <row r="50" spans="1:8" x14ac:dyDescent="0.25">
      <c r="A50" s="12" t="s">
        <v>44</v>
      </c>
      <c r="B50" s="5" t="s">
        <v>10</v>
      </c>
      <c r="C50" s="5" t="s">
        <v>121</v>
      </c>
      <c r="D50" s="5" t="s">
        <v>28</v>
      </c>
      <c r="E50" s="6" t="s">
        <v>54</v>
      </c>
      <c r="F50" s="5"/>
      <c r="G50" s="5"/>
      <c r="H50" s="5"/>
    </row>
    <row r="51" spans="1:8" x14ac:dyDescent="0.25">
      <c r="A51" s="12" t="s">
        <v>46</v>
      </c>
      <c r="B51" s="5" t="s">
        <v>2</v>
      </c>
      <c r="C51" s="5" t="s">
        <v>121</v>
      </c>
      <c r="D51" s="5" t="s">
        <v>28</v>
      </c>
      <c r="E51" s="6" t="s">
        <v>128</v>
      </c>
      <c r="F51" s="5"/>
      <c r="G51" s="5"/>
      <c r="H51" s="5"/>
    </row>
    <row r="52" spans="1:8" x14ac:dyDescent="0.25">
      <c r="A52" s="12" t="s">
        <v>48</v>
      </c>
      <c r="B52" s="5" t="s">
        <v>84</v>
      </c>
      <c r="C52" s="5" t="s">
        <v>121</v>
      </c>
      <c r="D52" s="5" t="s">
        <v>28</v>
      </c>
      <c r="E52" s="6" t="s">
        <v>129</v>
      </c>
      <c r="F52" s="5"/>
      <c r="G52" s="5"/>
      <c r="H52" s="5"/>
    </row>
    <row r="53" spans="1:8" x14ac:dyDescent="0.25">
      <c r="A53" s="12" t="s">
        <v>49</v>
      </c>
      <c r="B53" s="5" t="s">
        <v>74</v>
      </c>
      <c r="C53" s="5" t="s">
        <v>37</v>
      </c>
      <c r="D53" s="5" t="s">
        <v>28</v>
      </c>
      <c r="E53" s="6"/>
      <c r="F53" s="5"/>
      <c r="G53" s="5"/>
      <c r="H53" s="5"/>
    </row>
    <row r="54" spans="1:8" x14ac:dyDescent="0.25">
      <c r="A54" s="12" t="s">
        <v>51</v>
      </c>
      <c r="B54" s="5" t="s">
        <v>47</v>
      </c>
      <c r="C54" s="5" t="s">
        <v>45</v>
      </c>
      <c r="D54" s="5" t="s">
        <v>28</v>
      </c>
      <c r="E54" s="6" t="s">
        <v>130</v>
      </c>
      <c r="F54" s="5"/>
      <c r="G54" s="5"/>
      <c r="H54" s="5"/>
    </row>
    <row r="55" spans="1:8" x14ac:dyDescent="0.25">
      <c r="A55" s="12" t="s">
        <v>52</v>
      </c>
      <c r="B55" s="5" t="s">
        <v>131</v>
      </c>
      <c r="C55" s="5" t="s">
        <v>45</v>
      </c>
      <c r="D55" s="5" t="s">
        <v>28</v>
      </c>
      <c r="E55" s="6"/>
      <c r="F55" s="5"/>
      <c r="G55" s="5"/>
      <c r="H55" s="5"/>
    </row>
    <row r="56" spans="1:8" x14ac:dyDescent="0.25">
      <c r="A56" s="12" t="s">
        <v>53</v>
      </c>
      <c r="B56" s="5" t="s">
        <v>59</v>
      </c>
      <c r="C56" s="5" t="s">
        <v>50</v>
      </c>
      <c r="D56" s="5" t="s">
        <v>28</v>
      </c>
      <c r="E56" s="6" t="s">
        <v>132</v>
      </c>
      <c r="F56" s="5"/>
      <c r="G56" s="5"/>
      <c r="H56" s="5"/>
    </row>
    <row r="57" spans="1:8" x14ac:dyDescent="0.25">
      <c r="A57" s="12" t="s">
        <v>55</v>
      </c>
      <c r="B57" s="5" t="s">
        <v>61</v>
      </c>
      <c r="C57" s="5" t="s">
        <v>50</v>
      </c>
      <c r="D57" s="5" t="s">
        <v>28</v>
      </c>
      <c r="E57" s="6"/>
      <c r="F57" s="5"/>
      <c r="G57" s="5"/>
      <c r="H57" s="5"/>
    </row>
    <row r="58" spans="1:8" x14ac:dyDescent="0.25">
      <c r="A58" s="12" t="s">
        <v>56</v>
      </c>
      <c r="B58" s="5" t="s">
        <v>43</v>
      </c>
      <c r="C58" s="5" t="s">
        <v>133</v>
      </c>
      <c r="D58" s="5" t="s">
        <v>28</v>
      </c>
      <c r="E58" s="6"/>
      <c r="F58" s="5" t="s">
        <v>57</v>
      </c>
      <c r="G58" s="5"/>
      <c r="H58" s="5"/>
    </row>
    <row r="59" spans="1:8" x14ac:dyDescent="0.25">
      <c r="A59" s="12" t="s">
        <v>58</v>
      </c>
      <c r="B59" s="5" t="s">
        <v>7</v>
      </c>
      <c r="C59" s="5" t="s">
        <v>62</v>
      </c>
      <c r="D59" s="5"/>
      <c r="E59" s="6" t="s">
        <v>28</v>
      </c>
      <c r="F59" s="5"/>
      <c r="G59" s="5"/>
      <c r="H59" s="5"/>
    </row>
    <row r="60" spans="1:8" x14ac:dyDescent="0.25">
      <c r="A60" s="12" t="s">
        <v>60</v>
      </c>
      <c r="B60" s="5" t="s">
        <v>115</v>
      </c>
      <c r="C60" s="5" t="s">
        <v>64</v>
      </c>
      <c r="D60" s="5" t="s">
        <v>28</v>
      </c>
      <c r="E60" s="6" t="s">
        <v>28</v>
      </c>
      <c r="F60" s="5"/>
      <c r="G60" s="5"/>
      <c r="H60" s="5"/>
    </row>
    <row r="61" spans="1:8" x14ac:dyDescent="0.25">
      <c r="A61" s="12" t="s">
        <v>63</v>
      </c>
      <c r="B61" s="5" t="s">
        <v>14</v>
      </c>
      <c r="C61" s="5" t="s">
        <v>80</v>
      </c>
      <c r="D61" s="5" t="s">
        <v>28</v>
      </c>
      <c r="E61" s="6"/>
      <c r="F61" s="5"/>
      <c r="G61" s="5"/>
      <c r="H61" s="5"/>
    </row>
    <row r="62" spans="1:8" x14ac:dyDescent="0.25">
      <c r="A62" s="12" t="s">
        <v>65</v>
      </c>
      <c r="B62" s="5" t="s">
        <v>77</v>
      </c>
      <c r="C62" s="5" t="s">
        <v>70</v>
      </c>
      <c r="D62" s="5"/>
      <c r="E62" s="5" t="s">
        <v>135</v>
      </c>
      <c r="F62" s="5"/>
      <c r="G62" s="5"/>
      <c r="H62" s="5" t="s">
        <v>67</v>
      </c>
    </row>
    <row r="63" spans="1:8" x14ac:dyDescent="0.25">
      <c r="A63" s="12" t="s">
        <v>68</v>
      </c>
      <c r="B63" s="5" t="s">
        <v>15</v>
      </c>
      <c r="C63" s="5" t="s">
        <v>70</v>
      </c>
      <c r="D63" s="5" t="s">
        <v>28</v>
      </c>
      <c r="E63" s="6"/>
      <c r="F63" s="5"/>
      <c r="G63" s="5"/>
      <c r="H63" s="5"/>
    </row>
    <row r="64" spans="1:8" x14ac:dyDescent="0.25">
      <c r="A64" s="12" t="s">
        <v>69</v>
      </c>
      <c r="B64" s="5" t="s">
        <v>6</v>
      </c>
      <c r="C64" s="5" t="s">
        <v>83</v>
      </c>
      <c r="D64" s="5" t="s">
        <v>28</v>
      </c>
      <c r="E64" s="6"/>
      <c r="F64" s="5"/>
      <c r="G64" s="5"/>
      <c r="H64" s="5"/>
    </row>
    <row r="65" spans="1:8" x14ac:dyDescent="0.25">
      <c r="A65" s="12" t="s">
        <v>71</v>
      </c>
      <c r="B65" s="5" t="s">
        <v>66</v>
      </c>
      <c r="C65" s="5" t="s">
        <v>78</v>
      </c>
      <c r="D65" s="5" t="s">
        <v>28</v>
      </c>
      <c r="E65" s="6"/>
      <c r="F65" s="5"/>
      <c r="G65" s="5"/>
      <c r="H65" s="5"/>
    </row>
    <row r="66" spans="1:8" x14ac:dyDescent="0.25">
      <c r="A66" s="12" t="s">
        <v>73</v>
      </c>
      <c r="B66" s="5" t="s">
        <v>11</v>
      </c>
      <c r="C66" s="5" t="s">
        <v>70</v>
      </c>
      <c r="D66" s="5" t="s">
        <v>28</v>
      </c>
      <c r="E66" s="6"/>
      <c r="F66" s="5" t="s">
        <v>75</v>
      </c>
      <c r="G66" s="5"/>
      <c r="H66" s="5"/>
    </row>
    <row r="67" spans="1:8" x14ac:dyDescent="0.25">
      <c r="A67" s="12" t="s">
        <v>76</v>
      </c>
      <c r="B67" s="5" t="s">
        <v>16</v>
      </c>
      <c r="C67" s="5" t="s">
        <v>78</v>
      </c>
      <c r="D67" s="5" t="s">
        <v>28</v>
      </c>
      <c r="E67" s="6" t="s">
        <v>28</v>
      </c>
      <c r="F67" s="5"/>
      <c r="G67" s="5"/>
      <c r="H67" s="5"/>
    </row>
    <row r="68" spans="1:8" x14ac:dyDescent="0.25">
      <c r="A68" s="12" t="s">
        <v>79</v>
      </c>
      <c r="B68" s="5" t="s">
        <v>4</v>
      </c>
      <c r="C68" s="5" t="s">
        <v>83</v>
      </c>
      <c r="D68" s="5" t="s">
        <v>28</v>
      </c>
      <c r="E68" s="6" t="s">
        <v>28</v>
      </c>
      <c r="F68" s="5" t="s">
        <v>81</v>
      </c>
      <c r="G68" s="5"/>
      <c r="H68" s="5"/>
    </row>
    <row r="69" spans="1:8" x14ac:dyDescent="0.25">
      <c r="A69" s="12" t="s">
        <v>82</v>
      </c>
      <c r="B69" s="5" t="s">
        <v>72</v>
      </c>
      <c r="C69" s="5" t="s">
        <v>70</v>
      </c>
      <c r="D69" s="5" t="s">
        <v>28</v>
      </c>
      <c r="E69" s="6" t="s">
        <v>28</v>
      </c>
      <c r="F69" s="5"/>
      <c r="G69" s="5"/>
      <c r="H69" s="5"/>
    </row>
    <row r="70" spans="1:8" x14ac:dyDescent="0.25">
      <c r="A70" s="5"/>
      <c r="B70" s="5"/>
      <c r="C70" s="5"/>
      <c r="D70" s="5"/>
      <c r="E70" s="6"/>
      <c r="F70" s="5"/>
      <c r="G70" s="5"/>
      <c r="H70" s="5"/>
    </row>
    <row r="71" spans="1:8" x14ac:dyDescent="0.25">
      <c r="A71" s="7" t="s">
        <v>85</v>
      </c>
      <c r="B71" s="5"/>
      <c r="C71" s="5"/>
      <c r="D71" s="5"/>
      <c r="E71" s="6"/>
      <c r="F71" s="5"/>
      <c r="G71" s="5"/>
      <c r="H71" s="5"/>
    </row>
    <row r="72" spans="1:8" x14ac:dyDescent="0.25">
      <c r="A72" s="5"/>
      <c r="B72" s="5" t="s">
        <v>23</v>
      </c>
      <c r="C72" s="5" t="s">
        <v>24</v>
      </c>
      <c r="D72" s="5"/>
      <c r="E72" s="6"/>
      <c r="F72" s="5"/>
      <c r="G72" s="5"/>
      <c r="H72" s="5"/>
    </row>
    <row r="73" spans="1:8" x14ac:dyDescent="0.25">
      <c r="A73" s="12" t="s">
        <v>27</v>
      </c>
      <c r="B73" s="5" t="s">
        <v>3</v>
      </c>
      <c r="C73" s="5" t="s">
        <v>111</v>
      </c>
      <c r="D73" s="5"/>
      <c r="E73" s="6"/>
      <c r="F73" s="5"/>
      <c r="G73" s="5"/>
      <c r="H73" s="5"/>
    </row>
    <row r="74" spans="1:8" x14ac:dyDescent="0.25">
      <c r="A74" s="12" t="s">
        <v>29</v>
      </c>
      <c r="B74" s="5" t="s">
        <v>32</v>
      </c>
      <c r="C74" s="5" t="s">
        <v>30</v>
      </c>
      <c r="D74" s="5"/>
      <c r="E74" s="6"/>
      <c r="F74" s="5"/>
      <c r="G74" s="5"/>
      <c r="H74" s="5"/>
    </row>
    <row r="75" spans="1:8" x14ac:dyDescent="0.25">
      <c r="A75" s="12" t="s">
        <v>31</v>
      </c>
      <c r="B75" s="5" t="s">
        <v>1</v>
      </c>
      <c r="C75" s="5" t="s">
        <v>34</v>
      </c>
      <c r="D75" s="5"/>
      <c r="E75" s="6"/>
      <c r="F75" s="5"/>
      <c r="G75" s="5"/>
      <c r="H75" s="5"/>
    </row>
    <row r="76" spans="1:8" x14ac:dyDescent="0.25">
      <c r="A76" s="12" t="s">
        <v>33</v>
      </c>
      <c r="B76" s="7" t="s">
        <v>13</v>
      </c>
      <c r="C76" s="5" t="s">
        <v>34</v>
      </c>
      <c r="D76" s="5"/>
      <c r="E76" s="6"/>
      <c r="F76" s="5"/>
      <c r="G76" s="5"/>
      <c r="H76" s="5"/>
    </row>
    <row r="77" spans="1:8" x14ac:dyDescent="0.25">
      <c r="A77" s="12" t="s">
        <v>35</v>
      </c>
      <c r="B77" s="5" t="s">
        <v>0</v>
      </c>
      <c r="C77" s="5" t="s">
        <v>34</v>
      </c>
      <c r="D77" s="5"/>
      <c r="E77" s="6"/>
      <c r="F77" s="5"/>
      <c r="G77" s="5"/>
      <c r="H77" s="5"/>
    </row>
    <row r="78" spans="1:8" x14ac:dyDescent="0.25">
      <c r="A78" s="12" t="s">
        <v>36</v>
      </c>
      <c r="B78" s="5" t="s">
        <v>84</v>
      </c>
      <c r="C78" s="5" t="s">
        <v>121</v>
      </c>
      <c r="D78" s="5"/>
      <c r="E78" s="6"/>
      <c r="F78" s="5"/>
      <c r="G78" s="5"/>
      <c r="H78" s="5"/>
    </row>
    <row r="79" spans="1:8" x14ac:dyDescent="0.25">
      <c r="A79" s="12" t="s">
        <v>39</v>
      </c>
      <c r="B79" s="5" t="s">
        <v>2</v>
      </c>
      <c r="C79" s="5" t="s">
        <v>121</v>
      </c>
      <c r="D79" s="5"/>
      <c r="E79" s="6"/>
      <c r="F79" s="5"/>
      <c r="G79" s="5"/>
      <c r="H79" s="5"/>
    </row>
    <row r="80" spans="1:8" x14ac:dyDescent="0.25">
      <c r="A80" s="12" t="s">
        <v>42</v>
      </c>
      <c r="B80" s="5" t="s">
        <v>10</v>
      </c>
      <c r="C80" s="5" t="s">
        <v>121</v>
      </c>
      <c r="D80" s="5"/>
      <c r="E80" s="6"/>
      <c r="F80" s="5"/>
      <c r="G80" s="5"/>
      <c r="H80" s="5"/>
    </row>
    <row r="81" spans="1:8" x14ac:dyDescent="0.25">
      <c r="A81" s="12" t="s">
        <v>44</v>
      </c>
      <c r="B81" s="5" t="s">
        <v>5</v>
      </c>
      <c r="C81" s="5" t="s">
        <v>121</v>
      </c>
      <c r="D81" s="5"/>
      <c r="E81" s="6"/>
      <c r="F81" s="5"/>
      <c r="G81" s="5"/>
      <c r="H81" s="5"/>
    </row>
    <row r="82" spans="1:8" x14ac:dyDescent="0.25">
      <c r="A82" s="12" t="s">
        <v>46</v>
      </c>
      <c r="B82" s="5" t="s">
        <v>9</v>
      </c>
      <c r="C82" s="5" t="s">
        <v>121</v>
      </c>
      <c r="D82" s="5"/>
      <c r="E82" s="6"/>
      <c r="F82" s="5"/>
      <c r="G82" s="5"/>
      <c r="H82" s="5"/>
    </row>
    <row r="83" spans="1:8" x14ac:dyDescent="0.25">
      <c r="A83" s="12" t="s">
        <v>48</v>
      </c>
      <c r="B83" s="5" t="s">
        <v>40</v>
      </c>
      <c r="C83" s="5" t="s">
        <v>121</v>
      </c>
      <c r="D83" s="5"/>
      <c r="E83" s="6"/>
      <c r="F83" s="5"/>
      <c r="G83" s="5"/>
      <c r="H83" s="5"/>
    </row>
    <row r="84" spans="1:8" x14ac:dyDescent="0.25">
      <c r="A84" s="12" t="s">
        <v>49</v>
      </c>
      <c r="B84" s="5" t="s">
        <v>74</v>
      </c>
      <c r="C84" s="5" t="s">
        <v>37</v>
      </c>
      <c r="D84" s="5"/>
      <c r="E84" s="6"/>
      <c r="F84" s="5"/>
      <c r="G84" s="5"/>
      <c r="H84" s="5"/>
    </row>
    <row r="85" spans="1:8" x14ac:dyDescent="0.25">
      <c r="A85" s="12" t="s">
        <v>51</v>
      </c>
      <c r="B85" s="5" t="s">
        <v>131</v>
      </c>
      <c r="C85" s="5" t="s">
        <v>45</v>
      </c>
      <c r="D85" s="5"/>
      <c r="E85" s="6"/>
      <c r="F85" s="5"/>
      <c r="G85" s="5"/>
      <c r="H85" s="5"/>
    </row>
    <row r="86" spans="1:8" x14ac:dyDescent="0.25">
      <c r="A86" s="12" t="s">
        <v>52</v>
      </c>
      <c r="B86" s="5" t="s">
        <v>47</v>
      </c>
      <c r="C86" s="5" t="s">
        <v>45</v>
      </c>
      <c r="D86" s="5"/>
      <c r="E86" s="6"/>
      <c r="F86" s="5"/>
      <c r="G86" s="5"/>
      <c r="H86" s="5"/>
    </row>
    <row r="87" spans="1:8" x14ac:dyDescent="0.25">
      <c r="A87" s="12" t="s">
        <v>53</v>
      </c>
      <c r="B87" s="5" t="s">
        <v>61</v>
      </c>
      <c r="C87" s="5" t="s">
        <v>50</v>
      </c>
      <c r="D87" s="5"/>
      <c r="E87" s="6"/>
      <c r="F87" s="5"/>
      <c r="G87" s="5"/>
      <c r="H87" s="5"/>
    </row>
    <row r="88" spans="1:8" x14ac:dyDescent="0.25">
      <c r="A88" s="12" t="s">
        <v>55</v>
      </c>
      <c r="B88" s="5" t="s">
        <v>59</v>
      </c>
      <c r="C88" s="5" t="s">
        <v>50</v>
      </c>
      <c r="D88" s="5"/>
      <c r="E88" s="6"/>
      <c r="F88" s="5"/>
      <c r="G88" s="5"/>
      <c r="H88" s="5"/>
    </row>
    <row r="89" spans="1:8" x14ac:dyDescent="0.25">
      <c r="A89" s="12" t="s">
        <v>56</v>
      </c>
      <c r="B89" s="5" t="s">
        <v>43</v>
      </c>
      <c r="C89" s="5" t="s">
        <v>133</v>
      </c>
      <c r="D89" s="5"/>
      <c r="E89" s="6"/>
      <c r="F89" s="5" t="s">
        <v>57</v>
      </c>
      <c r="G89" s="5"/>
      <c r="H89" s="5"/>
    </row>
    <row r="90" spans="1:8" x14ac:dyDescent="0.25">
      <c r="A90" s="12" t="s">
        <v>58</v>
      </c>
      <c r="B90" s="5" t="s">
        <v>7</v>
      </c>
      <c r="C90" s="5" t="s">
        <v>62</v>
      </c>
      <c r="D90" s="5"/>
      <c r="E90" s="6"/>
      <c r="F90" s="5"/>
      <c r="G90" s="5"/>
      <c r="H90" s="5"/>
    </row>
    <row r="91" spans="1:8" x14ac:dyDescent="0.25">
      <c r="A91" s="12" t="s">
        <v>60</v>
      </c>
      <c r="B91" s="5" t="s">
        <v>115</v>
      </c>
      <c r="C91" s="5" t="s">
        <v>64</v>
      </c>
      <c r="D91" s="5"/>
      <c r="E91" s="6"/>
      <c r="F91" s="5"/>
      <c r="G91" s="5"/>
      <c r="H91" s="5"/>
    </row>
    <row r="92" spans="1:8" x14ac:dyDescent="0.25">
      <c r="A92" s="12" t="s">
        <v>63</v>
      </c>
      <c r="B92" s="5" t="s">
        <v>14</v>
      </c>
      <c r="C92" s="5" t="s">
        <v>80</v>
      </c>
      <c r="D92" s="5"/>
      <c r="E92" s="6"/>
      <c r="F92" s="5"/>
      <c r="G92" s="5"/>
      <c r="H92" s="5"/>
    </row>
    <row r="93" spans="1:8" x14ac:dyDescent="0.25">
      <c r="A93" s="12" t="s">
        <v>65</v>
      </c>
      <c r="B93" s="5" t="s">
        <v>15</v>
      </c>
      <c r="C93" s="5" t="s">
        <v>70</v>
      </c>
      <c r="D93" s="5"/>
      <c r="E93" s="6"/>
      <c r="F93" s="5" t="s">
        <v>67</v>
      </c>
      <c r="G93" s="5"/>
      <c r="H93" s="5"/>
    </row>
    <row r="94" spans="1:8" x14ac:dyDescent="0.25">
      <c r="A94" s="12" t="s">
        <v>68</v>
      </c>
      <c r="B94" s="5" t="s">
        <v>77</v>
      </c>
      <c r="C94" s="5" t="s">
        <v>70</v>
      </c>
      <c r="D94" s="5"/>
      <c r="E94" s="6"/>
      <c r="F94" s="5"/>
      <c r="G94" s="5"/>
      <c r="H94" s="5"/>
    </row>
    <row r="95" spans="1:8" x14ac:dyDescent="0.25">
      <c r="A95" s="12" t="s">
        <v>69</v>
      </c>
      <c r="B95" s="5" t="s">
        <v>6</v>
      </c>
      <c r="C95" s="5" t="s">
        <v>83</v>
      </c>
      <c r="D95" s="5"/>
      <c r="E95" s="6"/>
      <c r="F95" s="5"/>
      <c r="G95" s="5"/>
      <c r="H95" s="5"/>
    </row>
    <row r="96" spans="1:8" x14ac:dyDescent="0.25">
      <c r="A96" s="12" t="s">
        <v>71</v>
      </c>
      <c r="B96" s="5" t="s">
        <v>66</v>
      </c>
      <c r="C96" s="5" t="s">
        <v>78</v>
      </c>
      <c r="D96" s="5"/>
      <c r="E96" s="6"/>
      <c r="F96" s="5"/>
      <c r="G96" s="5"/>
      <c r="H96" s="5"/>
    </row>
    <row r="97" spans="1:8" x14ac:dyDescent="0.25">
      <c r="A97" s="12" t="s">
        <v>73</v>
      </c>
      <c r="B97" s="5" t="s">
        <v>11</v>
      </c>
      <c r="C97" s="5" t="s">
        <v>70</v>
      </c>
      <c r="D97" s="5"/>
      <c r="E97" s="6"/>
      <c r="F97" s="5" t="s">
        <v>75</v>
      </c>
      <c r="G97" s="5"/>
      <c r="H97" s="5"/>
    </row>
    <row r="98" spans="1:8" x14ac:dyDescent="0.25">
      <c r="A98" s="12" t="s">
        <v>76</v>
      </c>
      <c r="B98" s="5" t="s">
        <v>16</v>
      </c>
      <c r="C98" s="5" t="s">
        <v>78</v>
      </c>
      <c r="D98" s="5"/>
      <c r="E98" s="6"/>
      <c r="F98" s="5"/>
      <c r="G98" s="5"/>
      <c r="H98" s="5"/>
    </row>
    <row r="99" spans="1:8" x14ac:dyDescent="0.25">
      <c r="A99" s="12" t="s">
        <v>79</v>
      </c>
      <c r="B99" s="5" t="s">
        <v>4</v>
      </c>
      <c r="C99" s="5" t="s">
        <v>83</v>
      </c>
      <c r="D99" s="5"/>
      <c r="E99" s="6"/>
      <c r="F99" s="5" t="s">
        <v>81</v>
      </c>
      <c r="G99" s="5"/>
      <c r="H99" s="5"/>
    </row>
    <row r="100" spans="1:8" x14ac:dyDescent="0.25">
      <c r="A100" s="12" t="s">
        <v>82</v>
      </c>
      <c r="B100" s="5" t="s">
        <v>72</v>
      </c>
      <c r="C100" s="5" t="s">
        <v>70</v>
      </c>
      <c r="D100" s="5"/>
      <c r="E100" s="6"/>
      <c r="F100" s="5"/>
      <c r="G100" s="5"/>
      <c r="H100" s="5"/>
    </row>
  </sheetData>
  <mergeCells count="1">
    <mergeCell ref="A1:P1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27274F-D78D-4D78-8E8E-516BD7126EAC}">
  <dimension ref="A2:X41"/>
  <sheetViews>
    <sheetView topLeftCell="A11" workbookViewId="0">
      <selection activeCell="X40" sqref="X40"/>
    </sheetView>
  </sheetViews>
  <sheetFormatPr defaultRowHeight="15" x14ac:dyDescent="0.25"/>
  <sheetData>
    <row r="2" spans="1:11" x14ac:dyDescent="0.25">
      <c r="A2" s="10"/>
      <c r="B2" s="10" t="s">
        <v>114</v>
      </c>
      <c r="C2" s="10"/>
      <c r="D2" s="10"/>
      <c r="E2" s="10"/>
      <c r="F2" s="10" t="s">
        <v>116</v>
      </c>
      <c r="G2" s="10"/>
      <c r="I2" s="10"/>
      <c r="J2" s="10" t="s">
        <v>117</v>
      </c>
      <c r="K2" s="10"/>
    </row>
    <row r="3" spans="1:11" x14ac:dyDescent="0.25">
      <c r="A3" s="10"/>
      <c r="B3" s="10" t="s">
        <v>112</v>
      </c>
      <c r="C3" s="10" t="s">
        <v>113</v>
      </c>
      <c r="D3" s="10"/>
      <c r="E3" s="10"/>
      <c r="F3" s="10" t="s">
        <v>112</v>
      </c>
      <c r="G3" s="10" t="s">
        <v>113</v>
      </c>
      <c r="I3" s="10"/>
      <c r="J3" s="10" t="s">
        <v>112</v>
      </c>
      <c r="K3" s="10" t="s">
        <v>113</v>
      </c>
    </row>
    <row r="4" spans="1:11" x14ac:dyDescent="0.25">
      <c r="A4" s="10" t="s">
        <v>72</v>
      </c>
      <c r="B4" s="10">
        <v>12</v>
      </c>
      <c r="C4" s="10">
        <v>4</v>
      </c>
      <c r="D4" s="10"/>
      <c r="E4" s="10" t="s">
        <v>4</v>
      </c>
      <c r="F4" s="10">
        <v>13</v>
      </c>
      <c r="G4" s="10">
        <v>3</v>
      </c>
      <c r="I4" s="10" t="s">
        <v>4</v>
      </c>
      <c r="J4" s="10">
        <v>13</v>
      </c>
      <c r="K4" s="10">
        <v>3</v>
      </c>
    </row>
    <row r="5" spans="1:11" x14ac:dyDescent="0.25">
      <c r="A5" s="10" t="s">
        <v>84</v>
      </c>
      <c r="B5" s="10">
        <v>5</v>
      </c>
      <c r="C5" s="10">
        <v>11</v>
      </c>
      <c r="D5" s="10"/>
      <c r="E5" s="10" t="s">
        <v>6</v>
      </c>
      <c r="F5" s="10">
        <v>13</v>
      </c>
      <c r="G5" s="10">
        <v>3</v>
      </c>
      <c r="I5" s="10" t="s">
        <v>6</v>
      </c>
      <c r="J5" s="10">
        <v>13</v>
      </c>
      <c r="K5" s="10">
        <v>3</v>
      </c>
    </row>
    <row r="6" spans="1:11" x14ac:dyDescent="0.25">
      <c r="A6" s="11" t="s">
        <v>32</v>
      </c>
      <c r="B6" s="11">
        <v>3</v>
      </c>
      <c r="C6" s="10">
        <v>13</v>
      </c>
      <c r="D6" s="10"/>
      <c r="E6" s="11" t="s">
        <v>47</v>
      </c>
      <c r="F6" s="11">
        <v>7</v>
      </c>
      <c r="G6" s="10">
        <v>9</v>
      </c>
      <c r="I6" s="11" t="s">
        <v>47</v>
      </c>
      <c r="J6" s="11">
        <v>7</v>
      </c>
      <c r="K6" s="10">
        <v>9</v>
      </c>
    </row>
    <row r="7" spans="1:11" x14ac:dyDescent="0.25">
      <c r="A7" s="11" t="s">
        <v>16</v>
      </c>
      <c r="B7" s="11">
        <v>14</v>
      </c>
      <c r="C7" s="10">
        <v>2</v>
      </c>
      <c r="D7" s="10"/>
      <c r="E7" s="11" t="s">
        <v>59</v>
      </c>
      <c r="F7" s="11">
        <v>8</v>
      </c>
      <c r="G7" s="10">
        <v>8</v>
      </c>
      <c r="I7" s="11" t="s">
        <v>59</v>
      </c>
      <c r="J7" s="11">
        <v>8</v>
      </c>
      <c r="K7" s="10">
        <v>8</v>
      </c>
    </row>
    <row r="8" spans="1:11" x14ac:dyDescent="0.25">
      <c r="A8" s="11" t="s">
        <v>2</v>
      </c>
      <c r="B8" s="11">
        <v>5</v>
      </c>
      <c r="C8" s="10">
        <v>11</v>
      </c>
      <c r="D8" s="10"/>
      <c r="E8" s="11" t="s">
        <v>0</v>
      </c>
      <c r="F8" s="11">
        <v>4</v>
      </c>
      <c r="G8" s="10">
        <v>12</v>
      </c>
      <c r="I8" s="11" t="s">
        <v>13</v>
      </c>
      <c r="J8" s="11">
        <v>4</v>
      </c>
      <c r="K8" s="10">
        <v>12</v>
      </c>
    </row>
    <row r="9" spans="1:11" x14ac:dyDescent="0.25">
      <c r="A9" s="11" t="s">
        <v>7</v>
      </c>
      <c r="B9" s="11">
        <v>9</v>
      </c>
      <c r="C9" s="10">
        <v>6</v>
      </c>
      <c r="D9" s="10"/>
      <c r="E9" s="11" t="s">
        <v>74</v>
      </c>
      <c r="F9" s="11">
        <v>6</v>
      </c>
      <c r="G9" s="10">
        <v>10</v>
      </c>
      <c r="I9" s="11" t="s">
        <v>74</v>
      </c>
      <c r="J9" s="11">
        <v>6</v>
      </c>
      <c r="K9" s="10">
        <v>10</v>
      </c>
    </row>
    <row r="10" spans="1:11" x14ac:dyDescent="0.25">
      <c r="A10" s="11" t="s">
        <v>43</v>
      </c>
      <c r="B10" s="11">
        <v>8</v>
      </c>
      <c r="C10" s="10">
        <v>7</v>
      </c>
      <c r="D10" s="10"/>
      <c r="E10" s="11" t="s">
        <v>11</v>
      </c>
      <c r="F10" s="11">
        <v>12</v>
      </c>
      <c r="G10" s="10">
        <v>4</v>
      </c>
      <c r="I10" s="11" t="s">
        <v>11</v>
      </c>
      <c r="J10" s="11">
        <v>12</v>
      </c>
      <c r="K10" s="10">
        <v>4</v>
      </c>
    </row>
    <row r="11" spans="1:11" x14ac:dyDescent="0.25">
      <c r="A11" s="11" t="s">
        <v>15</v>
      </c>
      <c r="B11" s="11">
        <v>12</v>
      </c>
      <c r="C11" s="10">
        <v>4</v>
      </c>
      <c r="D11" s="10"/>
      <c r="E11" s="11" t="s">
        <v>66</v>
      </c>
      <c r="F11" s="11">
        <v>14</v>
      </c>
      <c r="G11" s="10">
        <v>2</v>
      </c>
      <c r="I11" s="11" t="s">
        <v>66</v>
      </c>
      <c r="J11" s="11">
        <v>14</v>
      </c>
      <c r="K11" s="10">
        <v>2</v>
      </c>
    </row>
    <row r="12" spans="1:11" x14ac:dyDescent="0.25">
      <c r="A12" s="11" t="s">
        <v>77</v>
      </c>
      <c r="B12" s="11">
        <v>12</v>
      </c>
      <c r="C12" s="10">
        <v>4</v>
      </c>
      <c r="D12" s="10"/>
      <c r="E12" s="11" t="s">
        <v>61</v>
      </c>
      <c r="F12" s="11">
        <v>8</v>
      </c>
      <c r="G12" s="10">
        <v>8</v>
      </c>
      <c r="I12" s="11" t="s">
        <v>61</v>
      </c>
      <c r="J12" s="11">
        <v>8</v>
      </c>
      <c r="K12" s="10">
        <v>8</v>
      </c>
    </row>
    <row r="13" spans="1:11" x14ac:dyDescent="0.25">
      <c r="A13" s="11" t="s">
        <v>5</v>
      </c>
      <c r="B13" s="11">
        <v>5</v>
      </c>
      <c r="C13" s="10">
        <v>11</v>
      </c>
      <c r="D13" s="10"/>
      <c r="E13" s="11" t="s">
        <v>12</v>
      </c>
      <c r="F13" s="11">
        <v>7</v>
      </c>
      <c r="G13" s="10">
        <v>9</v>
      </c>
      <c r="I13" s="11" t="s">
        <v>12</v>
      </c>
      <c r="J13" s="11">
        <v>7</v>
      </c>
      <c r="K13" s="10">
        <v>9</v>
      </c>
    </row>
    <row r="14" spans="1:11" x14ac:dyDescent="0.25">
      <c r="A14" s="11" t="s">
        <v>115</v>
      </c>
      <c r="B14" s="11">
        <v>10</v>
      </c>
      <c r="C14" s="10">
        <v>6</v>
      </c>
      <c r="D14" s="10"/>
      <c r="E14" s="11" t="s">
        <v>40</v>
      </c>
      <c r="F14" s="11">
        <v>5</v>
      </c>
      <c r="G14" s="10">
        <v>11</v>
      </c>
      <c r="I14" s="11" t="s">
        <v>40</v>
      </c>
      <c r="J14" s="11">
        <v>5</v>
      </c>
      <c r="K14" s="10">
        <v>11</v>
      </c>
    </row>
    <row r="15" spans="1:11" x14ac:dyDescent="0.25">
      <c r="A15" s="11" t="s">
        <v>10</v>
      </c>
      <c r="B15" s="11">
        <v>5</v>
      </c>
      <c r="C15" s="10">
        <v>11</v>
      </c>
      <c r="D15" s="10"/>
      <c r="E15" s="11" t="s">
        <v>9</v>
      </c>
      <c r="F15" s="11">
        <v>5</v>
      </c>
      <c r="G15" s="10">
        <v>11</v>
      </c>
      <c r="I15" s="11" t="s">
        <v>9</v>
      </c>
      <c r="J15" s="11">
        <v>5</v>
      </c>
      <c r="K15" s="10">
        <v>11</v>
      </c>
    </row>
    <row r="16" spans="1:11" x14ac:dyDescent="0.25">
      <c r="A16" s="11" t="s">
        <v>3</v>
      </c>
      <c r="B16" s="11">
        <v>2</v>
      </c>
      <c r="C16" s="10">
        <v>14</v>
      </c>
      <c r="D16" s="10"/>
      <c r="E16" s="11" t="s">
        <v>14</v>
      </c>
      <c r="F16" s="11">
        <v>11</v>
      </c>
      <c r="G16" s="10">
        <v>5</v>
      </c>
      <c r="I16" s="11" t="s">
        <v>14</v>
      </c>
      <c r="J16" s="11">
        <v>11</v>
      </c>
      <c r="K16" s="10">
        <v>5</v>
      </c>
    </row>
    <row r="17" spans="1:24" x14ac:dyDescent="0.25">
      <c r="A17" s="11" t="s">
        <v>14</v>
      </c>
      <c r="B17" s="11">
        <v>11</v>
      </c>
      <c r="C17" s="10">
        <v>5</v>
      </c>
      <c r="D17" s="10"/>
      <c r="E17" s="11" t="s">
        <v>7</v>
      </c>
      <c r="F17" s="11">
        <v>9</v>
      </c>
      <c r="G17" s="10">
        <v>6</v>
      </c>
      <c r="I17" s="11" t="s">
        <v>115</v>
      </c>
      <c r="J17" s="11">
        <v>10</v>
      </c>
      <c r="K17" s="10">
        <v>6</v>
      </c>
    </row>
    <row r="18" spans="1:24" x14ac:dyDescent="0.25">
      <c r="A18" s="11" t="s">
        <v>59</v>
      </c>
      <c r="B18" s="11">
        <v>8</v>
      </c>
      <c r="C18" s="10">
        <v>8</v>
      </c>
      <c r="D18" s="10"/>
      <c r="E18" s="11" t="s">
        <v>16</v>
      </c>
      <c r="F18" s="11">
        <v>14</v>
      </c>
      <c r="G18" s="10">
        <v>2</v>
      </c>
      <c r="I18" s="11" t="s">
        <v>15</v>
      </c>
      <c r="J18" s="11">
        <v>12</v>
      </c>
      <c r="K18" s="10">
        <v>4</v>
      </c>
    </row>
    <row r="19" spans="1:24" x14ac:dyDescent="0.25">
      <c r="A19" s="11" t="s">
        <v>61</v>
      </c>
      <c r="B19" s="11">
        <v>8</v>
      </c>
      <c r="C19" s="10">
        <v>8</v>
      </c>
      <c r="D19" s="10"/>
      <c r="E19" s="11" t="s">
        <v>84</v>
      </c>
      <c r="F19" s="11">
        <v>5</v>
      </c>
      <c r="G19" s="10">
        <v>11</v>
      </c>
      <c r="I19" s="11" t="s">
        <v>77</v>
      </c>
      <c r="J19" s="11">
        <v>12</v>
      </c>
      <c r="K19" s="10">
        <v>4</v>
      </c>
    </row>
    <row r="20" spans="1:24" x14ac:dyDescent="0.25">
      <c r="A20" s="10"/>
      <c r="B20" s="10">
        <f>SUM(B4:B19)</f>
        <v>129</v>
      </c>
      <c r="C20" s="10">
        <f>SUM(C4:C19)</f>
        <v>125</v>
      </c>
      <c r="D20" s="10"/>
      <c r="E20" s="10"/>
      <c r="F20" s="10">
        <f>SUM(F4:F19)</f>
        <v>141</v>
      </c>
      <c r="G20" s="10">
        <f>SUM(G4:G19)</f>
        <v>114</v>
      </c>
      <c r="I20" s="10"/>
      <c r="J20" s="10">
        <f>SUM(J4:J19)</f>
        <v>147</v>
      </c>
      <c r="K20" s="10">
        <f>SUM(K4:K19)</f>
        <v>109</v>
      </c>
    </row>
    <row r="23" spans="1:24" x14ac:dyDescent="0.25">
      <c r="A23" s="10"/>
      <c r="B23" s="10" t="s">
        <v>122</v>
      </c>
      <c r="C23" s="10"/>
      <c r="D23" s="10"/>
      <c r="E23" s="10"/>
      <c r="F23" s="10" t="s">
        <v>123</v>
      </c>
      <c r="G23" s="10"/>
      <c r="I23" s="10"/>
      <c r="J23" s="10" t="s">
        <v>124</v>
      </c>
      <c r="K23" s="10"/>
      <c r="L23" s="10"/>
      <c r="M23" s="10"/>
      <c r="N23" s="10" t="s">
        <v>125</v>
      </c>
      <c r="O23" s="10"/>
      <c r="P23" s="10"/>
      <c r="Q23" s="10"/>
      <c r="R23" s="10" t="s">
        <v>126</v>
      </c>
      <c r="S23" s="10"/>
      <c r="U23" s="10"/>
      <c r="V23" s="10" t="s">
        <v>134</v>
      </c>
      <c r="W23" s="10"/>
      <c r="X23" s="10"/>
    </row>
    <row r="24" spans="1:24" x14ac:dyDescent="0.25">
      <c r="A24" s="10"/>
      <c r="B24" s="10" t="s">
        <v>112</v>
      </c>
      <c r="C24" s="10" t="s">
        <v>113</v>
      </c>
      <c r="D24" s="10"/>
      <c r="E24" s="10"/>
      <c r="F24" s="10" t="s">
        <v>112</v>
      </c>
      <c r="G24" s="10" t="s">
        <v>113</v>
      </c>
      <c r="I24" s="10"/>
      <c r="J24" s="10" t="s">
        <v>112</v>
      </c>
      <c r="K24" s="10" t="s">
        <v>113</v>
      </c>
      <c r="L24" s="10"/>
      <c r="M24" s="10"/>
      <c r="N24" s="10" t="s">
        <v>112</v>
      </c>
      <c r="O24" s="10" t="s">
        <v>113</v>
      </c>
      <c r="P24" s="10"/>
      <c r="Q24" s="10"/>
      <c r="R24" s="10" t="s">
        <v>112</v>
      </c>
      <c r="S24" s="10" t="s">
        <v>113</v>
      </c>
      <c r="U24" s="10"/>
      <c r="V24" s="10" t="s">
        <v>112</v>
      </c>
      <c r="W24" s="10" t="s">
        <v>113</v>
      </c>
      <c r="X24" s="10"/>
    </row>
    <row r="25" spans="1:24" x14ac:dyDescent="0.25">
      <c r="A25" s="10" t="s">
        <v>72</v>
      </c>
      <c r="B25" s="10">
        <v>12</v>
      </c>
      <c r="C25" s="10">
        <v>4</v>
      </c>
      <c r="D25" s="10"/>
      <c r="E25" s="10" t="s">
        <v>4</v>
      </c>
      <c r="F25" s="10">
        <v>13</v>
      </c>
      <c r="G25" s="10">
        <v>3</v>
      </c>
      <c r="I25" s="10" t="s">
        <v>72</v>
      </c>
      <c r="J25" s="10">
        <v>12</v>
      </c>
      <c r="K25" s="10">
        <v>4</v>
      </c>
      <c r="L25" s="10"/>
      <c r="M25" s="10" t="s">
        <v>72</v>
      </c>
      <c r="N25" s="10">
        <v>12</v>
      </c>
      <c r="O25" s="10">
        <v>4</v>
      </c>
      <c r="P25" s="10"/>
      <c r="Q25" s="10" t="s">
        <v>4</v>
      </c>
      <c r="R25" s="10">
        <v>13</v>
      </c>
      <c r="S25" s="10">
        <v>3</v>
      </c>
      <c r="U25" s="10" t="s">
        <v>72</v>
      </c>
      <c r="V25" s="10">
        <v>12</v>
      </c>
      <c r="W25" s="10">
        <v>4</v>
      </c>
      <c r="X25" s="10"/>
    </row>
    <row r="26" spans="1:24" x14ac:dyDescent="0.25">
      <c r="A26" s="10" t="s">
        <v>1</v>
      </c>
      <c r="B26" s="10">
        <v>4</v>
      </c>
      <c r="C26" s="10">
        <v>12</v>
      </c>
      <c r="D26" s="10"/>
      <c r="E26" s="10" t="s">
        <v>6</v>
      </c>
      <c r="F26" s="10">
        <v>13</v>
      </c>
      <c r="G26" s="10">
        <v>3</v>
      </c>
      <c r="I26" s="10" t="s">
        <v>84</v>
      </c>
      <c r="J26" s="10">
        <v>5</v>
      </c>
      <c r="K26" s="10">
        <v>11</v>
      </c>
      <c r="L26" s="10"/>
      <c r="M26" s="10" t="s">
        <v>84</v>
      </c>
      <c r="N26" s="10">
        <v>5</v>
      </c>
      <c r="O26" s="10">
        <v>11</v>
      </c>
      <c r="P26" s="10"/>
      <c r="Q26" s="10" t="s">
        <v>6</v>
      </c>
      <c r="R26" s="10">
        <v>13</v>
      </c>
      <c r="S26" s="10">
        <v>3</v>
      </c>
      <c r="U26" s="10" t="s">
        <v>84</v>
      </c>
      <c r="V26" s="10">
        <v>5</v>
      </c>
      <c r="W26" s="10">
        <v>11</v>
      </c>
      <c r="X26" s="10"/>
    </row>
    <row r="27" spans="1:24" x14ac:dyDescent="0.25">
      <c r="A27" s="11" t="s">
        <v>32</v>
      </c>
      <c r="B27" s="11">
        <v>3</v>
      </c>
      <c r="C27" s="10">
        <v>13</v>
      </c>
      <c r="D27" s="10"/>
      <c r="E27" s="11" t="s">
        <v>47</v>
      </c>
      <c r="F27" s="11">
        <v>7</v>
      </c>
      <c r="G27" s="10">
        <v>9</v>
      </c>
      <c r="I27" s="11" t="s">
        <v>32</v>
      </c>
      <c r="J27" s="11">
        <v>3</v>
      </c>
      <c r="K27" s="10">
        <v>13</v>
      </c>
      <c r="L27" s="10"/>
      <c r="M27" s="11" t="s">
        <v>32</v>
      </c>
      <c r="N27" s="11">
        <v>3</v>
      </c>
      <c r="O27" s="10">
        <v>13</v>
      </c>
      <c r="P27" s="10"/>
      <c r="Q27" s="11" t="s">
        <v>47</v>
      </c>
      <c r="R27" s="11">
        <v>7</v>
      </c>
      <c r="S27" s="10">
        <v>9</v>
      </c>
      <c r="U27" s="11" t="s">
        <v>32</v>
      </c>
      <c r="V27" s="11">
        <v>3</v>
      </c>
      <c r="W27" s="10">
        <v>13</v>
      </c>
      <c r="X27" s="10"/>
    </row>
    <row r="28" spans="1:24" x14ac:dyDescent="0.25">
      <c r="A28" s="11" t="s">
        <v>16</v>
      </c>
      <c r="B28" s="11">
        <v>14</v>
      </c>
      <c r="C28" s="10">
        <v>2</v>
      </c>
      <c r="D28" s="10"/>
      <c r="E28" s="11" t="s">
        <v>59</v>
      </c>
      <c r="F28" s="11">
        <v>8</v>
      </c>
      <c r="G28" s="10">
        <v>8</v>
      </c>
      <c r="I28" s="11" t="s">
        <v>16</v>
      </c>
      <c r="J28" s="11">
        <v>14</v>
      </c>
      <c r="K28" s="10">
        <v>2</v>
      </c>
      <c r="L28" s="10"/>
      <c r="M28" s="11" t="s">
        <v>16</v>
      </c>
      <c r="N28" s="11">
        <v>14</v>
      </c>
      <c r="O28" s="10">
        <v>2</v>
      </c>
      <c r="P28" s="10"/>
      <c r="Q28" s="11" t="s">
        <v>59</v>
      </c>
      <c r="R28" s="11">
        <v>8</v>
      </c>
      <c r="S28" s="10">
        <v>8</v>
      </c>
      <c r="U28" s="11" t="s">
        <v>16</v>
      </c>
      <c r="V28" s="11">
        <v>14</v>
      </c>
      <c r="W28" s="10">
        <v>2</v>
      </c>
      <c r="X28" s="10"/>
    </row>
    <row r="29" spans="1:24" x14ac:dyDescent="0.25">
      <c r="A29" s="11" t="s">
        <v>2</v>
      </c>
      <c r="B29" s="11">
        <v>5</v>
      </c>
      <c r="C29" s="10">
        <v>11</v>
      </c>
      <c r="D29" s="10"/>
      <c r="E29" s="11" t="s">
        <v>0</v>
      </c>
      <c r="F29" s="11">
        <v>4</v>
      </c>
      <c r="G29" s="10">
        <v>12</v>
      </c>
      <c r="I29" s="11" t="s">
        <v>1</v>
      </c>
      <c r="J29" s="11">
        <v>4</v>
      </c>
      <c r="K29" s="10">
        <v>12</v>
      </c>
      <c r="L29" s="10"/>
      <c r="M29" s="11" t="s">
        <v>1</v>
      </c>
      <c r="N29" s="11">
        <v>4</v>
      </c>
      <c r="O29" s="10">
        <v>12</v>
      </c>
      <c r="P29" s="10"/>
      <c r="Q29" s="11" t="s">
        <v>0</v>
      </c>
      <c r="R29" s="11">
        <v>4</v>
      </c>
      <c r="S29" s="10">
        <v>12</v>
      </c>
      <c r="U29" s="11" t="s">
        <v>1</v>
      </c>
      <c r="V29" s="11">
        <v>4</v>
      </c>
      <c r="W29" s="10">
        <v>12</v>
      </c>
      <c r="X29" s="10"/>
    </row>
    <row r="30" spans="1:24" x14ac:dyDescent="0.25">
      <c r="A30" s="11" t="s">
        <v>7</v>
      </c>
      <c r="B30" s="11">
        <v>9</v>
      </c>
      <c r="C30" s="10">
        <v>6</v>
      </c>
      <c r="D30" s="10"/>
      <c r="E30" s="11" t="s">
        <v>74</v>
      </c>
      <c r="F30" s="11">
        <v>6</v>
      </c>
      <c r="G30" s="10">
        <v>10</v>
      </c>
      <c r="I30" s="11" t="s">
        <v>7</v>
      </c>
      <c r="J30" s="11">
        <v>9</v>
      </c>
      <c r="K30" s="10">
        <v>6</v>
      </c>
      <c r="L30" s="10"/>
      <c r="M30" s="11" t="s">
        <v>7</v>
      </c>
      <c r="N30" s="11">
        <v>9</v>
      </c>
      <c r="O30" s="10">
        <v>6</v>
      </c>
      <c r="P30" s="10"/>
      <c r="Q30" s="11" t="s">
        <v>74</v>
      </c>
      <c r="R30" s="11">
        <v>6</v>
      </c>
      <c r="S30" s="10">
        <v>10</v>
      </c>
      <c r="U30" s="11" t="s">
        <v>7</v>
      </c>
      <c r="V30" s="11">
        <v>9</v>
      </c>
      <c r="W30" s="10">
        <v>6</v>
      </c>
      <c r="X30" s="10"/>
    </row>
    <row r="31" spans="1:24" x14ac:dyDescent="0.25">
      <c r="A31" s="11" t="s">
        <v>43</v>
      </c>
      <c r="B31" s="11">
        <v>8</v>
      </c>
      <c r="C31" s="10">
        <v>7</v>
      </c>
      <c r="D31" s="10"/>
      <c r="E31" s="11" t="s">
        <v>11</v>
      </c>
      <c r="F31" s="11">
        <v>12</v>
      </c>
      <c r="G31" s="10">
        <v>4</v>
      </c>
      <c r="I31" s="11" t="s">
        <v>43</v>
      </c>
      <c r="J31" s="11">
        <v>8</v>
      </c>
      <c r="K31" s="10">
        <v>7</v>
      </c>
      <c r="L31" s="10"/>
      <c r="M31" s="11" t="s">
        <v>43</v>
      </c>
      <c r="N31" s="11">
        <v>8</v>
      </c>
      <c r="O31" s="10">
        <v>7</v>
      </c>
      <c r="P31" s="10"/>
      <c r="Q31" s="11" t="s">
        <v>11</v>
      </c>
      <c r="R31" s="11">
        <v>12</v>
      </c>
      <c r="S31" s="10">
        <v>4</v>
      </c>
      <c r="U31" s="11" t="s">
        <v>43</v>
      </c>
      <c r="V31" s="11">
        <v>8</v>
      </c>
      <c r="W31" s="10">
        <v>7</v>
      </c>
      <c r="X31" s="10"/>
    </row>
    <row r="32" spans="1:24" x14ac:dyDescent="0.25">
      <c r="A32" s="11" t="s">
        <v>15</v>
      </c>
      <c r="B32" s="11">
        <v>12</v>
      </c>
      <c r="C32" s="10">
        <v>4</v>
      </c>
      <c r="D32" s="10"/>
      <c r="E32" s="11" t="s">
        <v>66</v>
      </c>
      <c r="F32" s="11">
        <v>14</v>
      </c>
      <c r="G32" s="10">
        <v>2</v>
      </c>
      <c r="I32" s="11" t="s">
        <v>15</v>
      </c>
      <c r="J32" s="11">
        <v>12</v>
      </c>
      <c r="K32" s="10">
        <v>4</v>
      </c>
      <c r="L32" s="10"/>
      <c r="M32" s="11" t="s">
        <v>15</v>
      </c>
      <c r="N32" s="11">
        <v>12</v>
      </c>
      <c r="O32" s="10">
        <v>4</v>
      </c>
      <c r="P32" s="10"/>
      <c r="Q32" s="11" t="s">
        <v>66</v>
      </c>
      <c r="R32" s="11">
        <v>14</v>
      </c>
      <c r="S32" s="10">
        <v>2</v>
      </c>
      <c r="U32" s="11" t="s">
        <v>15</v>
      </c>
      <c r="V32" s="11">
        <v>12</v>
      </c>
      <c r="W32" s="10">
        <v>4</v>
      </c>
      <c r="X32" s="10"/>
    </row>
    <row r="33" spans="1:24" x14ac:dyDescent="0.25">
      <c r="A33" s="11" t="s">
        <v>77</v>
      </c>
      <c r="B33" s="11">
        <v>12</v>
      </c>
      <c r="C33" s="10">
        <v>4</v>
      </c>
      <c r="D33" s="10"/>
      <c r="E33" s="11" t="s">
        <v>61</v>
      </c>
      <c r="F33" s="11">
        <v>8</v>
      </c>
      <c r="G33" s="10">
        <v>8</v>
      </c>
      <c r="I33" s="11" t="s">
        <v>77</v>
      </c>
      <c r="J33" s="11">
        <v>12</v>
      </c>
      <c r="K33" s="10">
        <v>4</v>
      </c>
      <c r="L33" s="10"/>
      <c r="M33" s="11" t="s">
        <v>77</v>
      </c>
      <c r="N33" s="11">
        <v>12</v>
      </c>
      <c r="O33" s="10">
        <v>4</v>
      </c>
      <c r="P33" s="10"/>
      <c r="Q33" s="11" t="s">
        <v>61</v>
      </c>
      <c r="R33" s="11">
        <v>8</v>
      </c>
      <c r="S33" s="10">
        <v>8</v>
      </c>
      <c r="U33" s="11" t="s">
        <v>77</v>
      </c>
      <c r="V33" s="11">
        <v>12</v>
      </c>
      <c r="W33" s="10">
        <v>4</v>
      </c>
      <c r="X33" s="10"/>
    </row>
    <row r="34" spans="1:24" x14ac:dyDescent="0.25">
      <c r="A34" s="11" t="s">
        <v>5</v>
      </c>
      <c r="B34" s="11">
        <v>5</v>
      </c>
      <c r="C34" s="10">
        <v>11</v>
      </c>
      <c r="D34" s="10"/>
      <c r="E34" s="11" t="s">
        <v>12</v>
      </c>
      <c r="F34" s="11">
        <v>7</v>
      </c>
      <c r="G34" s="10">
        <v>9</v>
      </c>
      <c r="I34" s="11" t="s">
        <v>5</v>
      </c>
      <c r="J34" s="11">
        <v>5</v>
      </c>
      <c r="K34" s="10">
        <v>11</v>
      </c>
      <c r="L34" s="10"/>
      <c r="M34" s="11" t="s">
        <v>5</v>
      </c>
      <c r="N34" s="11">
        <v>5</v>
      </c>
      <c r="O34" s="10">
        <v>11</v>
      </c>
      <c r="P34" s="10"/>
      <c r="Q34" s="11" t="s">
        <v>12</v>
      </c>
      <c r="R34" s="11">
        <v>7</v>
      </c>
      <c r="S34" s="10">
        <v>9</v>
      </c>
      <c r="U34" s="11" t="s">
        <v>2</v>
      </c>
      <c r="V34" s="11">
        <v>5</v>
      </c>
      <c r="W34" s="10">
        <v>11</v>
      </c>
      <c r="X34" s="10"/>
    </row>
    <row r="35" spans="1:24" x14ac:dyDescent="0.25">
      <c r="A35" s="11" t="s">
        <v>115</v>
      </c>
      <c r="B35" s="11">
        <v>10</v>
      </c>
      <c r="C35" s="10">
        <v>6</v>
      </c>
      <c r="D35" s="10"/>
      <c r="E35" s="11" t="s">
        <v>13</v>
      </c>
      <c r="F35" s="11">
        <v>4</v>
      </c>
      <c r="G35" s="10">
        <v>12</v>
      </c>
      <c r="I35" s="11" t="s">
        <v>115</v>
      </c>
      <c r="J35" s="11">
        <v>10</v>
      </c>
      <c r="K35" s="10">
        <v>6</v>
      </c>
      <c r="L35" s="10"/>
      <c r="M35" s="11" t="s">
        <v>115</v>
      </c>
      <c r="N35" s="11">
        <v>10</v>
      </c>
      <c r="O35" s="10">
        <v>6</v>
      </c>
      <c r="P35" s="10"/>
      <c r="Q35" s="11" t="s">
        <v>13</v>
      </c>
      <c r="R35" s="11">
        <v>4</v>
      </c>
      <c r="S35" s="10">
        <v>12</v>
      </c>
      <c r="U35" s="11" t="s">
        <v>115</v>
      </c>
      <c r="V35" s="11">
        <v>10</v>
      </c>
      <c r="W35" s="10">
        <v>6</v>
      </c>
      <c r="X35" s="10"/>
    </row>
    <row r="36" spans="1:24" x14ac:dyDescent="0.25">
      <c r="A36" s="11" t="s">
        <v>10</v>
      </c>
      <c r="B36" s="11">
        <v>5</v>
      </c>
      <c r="C36" s="10">
        <v>11</v>
      </c>
      <c r="D36" s="10"/>
      <c r="E36" s="11" t="s">
        <v>9</v>
      </c>
      <c r="F36" s="11">
        <v>5</v>
      </c>
      <c r="G36" s="10">
        <v>11</v>
      </c>
      <c r="I36" s="11" t="s">
        <v>10</v>
      </c>
      <c r="J36" s="11">
        <v>5</v>
      </c>
      <c r="K36" s="10">
        <v>11</v>
      </c>
      <c r="L36" s="10"/>
      <c r="M36" s="11" t="s">
        <v>2</v>
      </c>
      <c r="N36" s="11">
        <v>5</v>
      </c>
      <c r="O36" s="10">
        <v>11</v>
      </c>
      <c r="P36" s="10"/>
      <c r="Q36" s="11" t="s">
        <v>40</v>
      </c>
      <c r="R36" s="11">
        <v>5</v>
      </c>
      <c r="S36" s="10">
        <v>11</v>
      </c>
      <c r="U36" s="11" t="s">
        <v>10</v>
      </c>
      <c r="V36" s="11">
        <v>5</v>
      </c>
      <c r="W36" s="10">
        <v>11</v>
      </c>
      <c r="X36" s="10"/>
    </row>
    <row r="37" spans="1:24" x14ac:dyDescent="0.25">
      <c r="A37" s="11" t="s">
        <v>3</v>
      </c>
      <c r="B37" s="11">
        <v>2</v>
      </c>
      <c r="C37" s="10">
        <v>14</v>
      </c>
      <c r="D37" s="10"/>
      <c r="E37" s="11" t="s">
        <v>14</v>
      </c>
      <c r="F37" s="11">
        <v>11</v>
      </c>
      <c r="G37" s="10">
        <v>5</v>
      </c>
      <c r="I37" s="11" t="s">
        <v>3</v>
      </c>
      <c r="J37" s="11">
        <v>2</v>
      </c>
      <c r="K37" s="10">
        <v>14</v>
      </c>
      <c r="L37" s="10"/>
      <c r="M37" s="11" t="s">
        <v>3</v>
      </c>
      <c r="N37" s="11">
        <v>2</v>
      </c>
      <c r="O37" s="10">
        <v>14</v>
      </c>
      <c r="P37" s="10"/>
      <c r="Q37" s="11" t="s">
        <v>14</v>
      </c>
      <c r="R37" s="11">
        <v>11</v>
      </c>
      <c r="S37" s="10">
        <v>5</v>
      </c>
      <c r="U37" s="11" t="s">
        <v>3</v>
      </c>
      <c r="V37" s="11">
        <v>2</v>
      </c>
      <c r="W37" s="10">
        <v>14</v>
      </c>
      <c r="X37" s="10"/>
    </row>
    <row r="38" spans="1:24" x14ac:dyDescent="0.25">
      <c r="A38" s="11" t="s">
        <v>12</v>
      </c>
      <c r="B38" s="11">
        <v>7</v>
      </c>
      <c r="C38" s="10">
        <v>9</v>
      </c>
      <c r="D38" s="10"/>
      <c r="E38" s="11" t="s">
        <v>72</v>
      </c>
      <c r="F38" s="11">
        <v>12</v>
      </c>
      <c r="G38" s="10">
        <v>4</v>
      </c>
      <c r="I38" s="11" t="s">
        <v>47</v>
      </c>
      <c r="J38" s="11">
        <v>7</v>
      </c>
      <c r="K38" s="10">
        <v>9</v>
      </c>
      <c r="L38" s="10"/>
      <c r="M38" s="11" t="s">
        <v>74</v>
      </c>
      <c r="N38" s="11">
        <v>6</v>
      </c>
      <c r="O38" s="10">
        <v>10</v>
      </c>
      <c r="P38" s="10"/>
      <c r="Q38" s="11" t="s">
        <v>16</v>
      </c>
      <c r="R38" s="11">
        <v>14</v>
      </c>
      <c r="S38" s="10">
        <v>2</v>
      </c>
      <c r="U38" s="11" t="s">
        <v>47</v>
      </c>
      <c r="V38" s="11">
        <v>14</v>
      </c>
      <c r="W38" s="10">
        <v>2</v>
      </c>
      <c r="X38" s="10"/>
    </row>
    <row r="39" spans="1:24" x14ac:dyDescent="0.25">
      <c r="A39" s="11" t="s">
        <v>9</v>
      </c>
      <c r="B39" s="11">
        <v>5</v>
      </c>
      <c r="C39" s="10">
        <v>11</v>
      </c>
      <c r="D39" s="10"/>
      <c r="E39" s="11" t="s">
        <v>115</v>
      </c>
      <c r="F39" s="11">
        <v>10</v>
      </c>
      <c r="G39" s="10">
        <v>6</v>
      </c>
      <c r="I39" s="11" t="s">
        <v>12</v>
      </c>
      <c r="J39" s="11">
        <v>7</v>
      </c>
      <c r="K39" s="10">
        <v>9</v>
      </c>
      <c r="L39" s="10"/>
      <c r="M39" s="11" t="s">
        <v>14</v>
      </c>
      <c r="N39" s="11">
        <v>11</v>
      </c>
      <c r="O39" s="10">
        <v>5</v>
      </c>
      <c r="P39" s="10"/>
      <c r="Q39" s="11" t="s">
        <v>84</v>
      </c>
      <c r="R39" s="11">
        <v>5</v>
      </c>
      <c r="S39" s="10">
        <v>11</v>
      </c>
      <c r="U39" s="11" t="s">
        <v>12</v>
      </c>
      <c r="V39" s="11">
        <v>5</v>
      </c>
      <c r="W39" s="10">
        <v>11</v>
      </c>
      <c r="X39" s="10"/>
    </row>
    <row r="40" spans="1:24" x14ac:dyDescent="0.25">
      <c r="A40" s="11" t="s">
        <v>13</v>
      </c>
      <c r="B40" s="11">
        <v>4</v>
      </c>
      <c r="C40" s="10">
        <v>12</v>
      </c>
      <c r="D40" s="10"/>
      <c r="E40" s="11" t="s">
        <v>15</v>
      </c>
      <c r="F40" s="11">
        <v>12</v>
      </c>
      <c r="G40" s="10">
        <v>4</v>
      </c>
      <c r="I40" s="11" t="s">
        <v>9</v>
      </c>
      <c r="J40" s="11">
        <v>5</v>
      </c>
      <c r="K40" s="10">
        <v>11</v>
      </c>
      <c r="L40" s="10"/>
      <c r="M40" s="11" t="s">
        <v>59</v>
      </c>
      <c r="N40" s="11">
        <v>8</v>
      </c>
      <c r="O40" s="10">
        <v>8</v>
      </c>
      <c r="P40" s="10"/>
      <c r="Q40" s="11" t="s">
        <v>2</v>
      </c>
      <c r="R40" s="11">
        <v>5</v>
      </c>
      <c r="S40" s="10">
        <v>11</v>
      </c>
      <c r="U40" s="11" t="s">
        <v>9</v>
      </c>
      <c r="V40" s="11">
        <v>7</v>
      </c>
      <c r="W40" s="10">
        <v>9</v>
      </c>
      <c r="X40" s="10"/>
    </row>
    <row r="41" spans="1:24" x14ac:dyDescent="0.25">
      <c r="A41" s="10"/>
      <c r="B41" s="10">
        <f>SUM(B25:B40)</f>
        <v>117</v>
      </c>
      <c r="C41" s="10">
        <f>SUM(C25:C40)</f>
        <v>137</v>
      </c>
      <c r="D41" s="10"/>
      <c r="E41" s="10"/>
      <c r="F41" s="10">
        <f>SUM(F25:F40)</f>
        <v>146</v>
      </c>
      <c r="G41" s="10">
        <f>SUM(G25:G40)</f>
        <v>110</v>
      </c>
      <c r="I41" s="10"/>
      <c r="J41" s="10">
        <f>SUM(J25:J40)</f>
        <v>120</v>
      </c>
      <c r="K41" s="10">
        <f>SUM(K25:K40)</f>
        <v>134</v>
      </c>
      <c r="L41" s="10"/>
      <c r="M41" s="10"/>
      <c r="N41" s="10">
        <f>SUM(N25:N40)</f>
        <v>126</v>
      </c>
      <c r="O41" s="10">
        <f>SUM(O25:O40)</f>
        <v>128</v>
      </c>
      <c r="P41" s="10"/>
      <c r="Q41" s="10"/>
      <c r="R41" s="10">
        <f>SUM(R25:R40)</f>
        <v>136</v>
      </c>
      <c r="S41" s="10">
        <f>SUM(S25:S40)</f>
        <v>120</v>
      </c>
      <c r="U41" s="10"/>
      <c r="V41" s="10">
        <f>SUM(V25:V40)</f>
        <v>127</v>
      </c>
      <c r="W41" s="10">
        <f>SUM(W25:W40)</f>
        <v>127</v>
      </c>
      <c r="X41" s="10"/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Final Standings</vt:lpstr>
      <vt:lpstr>SOS Calculation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exd</dc:creator>
  <cp:lastModifiedBy>Dennis C</cp:lastModifiedBy>
  <dcterms:created xsi:type="dcterms:W3CDTF">2019-01-15T02:15:34Z</dcterms:created>
  <dcterms:modified xsi:type="dcterms:W3CDTF">2021-01-29T22:29:43Z</dcterms:modified>
</cp:coreProperties>
</file>